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61" r:id="rId2"/>
    <p:sldId id="273" r:id="rId3"/>
    <p:sldId id="265" r:id="rId4"/>
    <p:sldId id="266" r:id="rId5"/>
    <p:sldId id="277" r:id="rId6"/>
    <p:sldId id="262" r:id="rId7"/>
    <p:sldId id="275" r:id="rId8"/>
    <p:sldId id="268" r:id="rId9"/>
    <p:sldId id="274" r:id="rId10"/>
    <p:sldId id="278" r:id="rId11"/>
    <p:sldId id="279" r:id="rId12"/>
    <p:sldId id="280" r:id="rId13"/>
    <p:sldId id="271" r:id="rId14"/>
    <p:sldId id="272" r:id="rId15"/>
    <p:sldId id="260" r:id="rId16"/>
  </p:sldIdLst>
  <p:sldSz cx="12188825" cy="6858000"/>
  <p:notesSz cx="6797675" cy="9926638"/>
  <p:embeddedFontLst>
    <p:embeddedFont>
      <p:font typeface="AU Passata" panose="020B0503030502030804" pitchFamily="34" charset="0"/>
      <p:regular r:id="rId19"/>
      <p:bold r:id="rId20"/>
      <p:italic r:id="rId21"/>
      <p:boldItalic r:id="rId22"/>
    </p:embeddedFont>
    <p:embeddedFont>
      <p:font typeface="AU Passata Light" panose="020B0303030902030804" pitchFamily="34" charset="0"/>
      <p:regular r:id="rId23"/>
      <p:bold r:id="rId24"/>
      <p:italic r:id="rId25"/>
      <p:boldItalic r:id="rId26"/>
    </p:embeddedFont>
    <p:embeddedFont>
      <p:font typeface="AU Peto" panose="040C0B07020602020301" pitchFamily="82" charset="0"/>
      <p:regular r:id="rId27"/>
      <p:bold r:id="rId28"/>
    </p:embeddedFont>
    <p:embeddedFont>
      <p:font typeface="Georgia" panose="02040502050405020303" pitchFamily="18" charset="0"/>
      <p:regular r:id="rId29"/>
      <p:bold r:id="rId30"/>
      <p:italic r:id="rId31"/>
      <p:boldItalic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3651" autoAdjust="0"/>
    <p:restoredTop sz="93469" autoAdjust="0"/>
  </p:normalViewPr>
  <p:slideViewPr>
    <p:cSldViewPr snapToObjects="1" showGuides="1">
      <p:cViewPr>
        <p:scale>
          <a:sx n="100" d="100"/>
          <a:sy n="100" d="100"/>
        </p:scale>
        <p:origin x="1314" y="44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- </a:t>
            </a:r>
            <a:r>
              <a:rPr lang="en-GB" dirty="0"/>
              <a:t>H</a:t>
            </a:r>
            <a:r>
              <a:rPr lang="en-DK" dirty="0"/>
              <a:t>vem er jeg ? </a:t>
            </a:r>
            <a:br>
              <a:rPr lang="en-DK" dirty="0"/>
            </a:br>
            <a:r>
              <a:rPr lang="en-DK" dirty="0"/>
              <a:t>- Hvad kan I bruge mig til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1751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22302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1641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964877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i="1" dirty="0"/>
              <a:t>Projektforløb + Avanceret Videnskabsteori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0071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j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ster i Informatikundervisn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ja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almdorf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An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66014860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599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3023205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1012126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ja 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lmdorf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An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j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85512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ster i Informatikundervisn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6-05-2024</a:t>
            </a:fld>
            <a:r>
              <a:rPr lang="da-DK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hyperlink" Target="https://cs.au.dk/miu" TargetMode="External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mailto:miu@cs.au.dk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9.xml"/><Relationship Id="rId6" Type="http://schemas.openxmlformats.org/officeDocument/2006/relationships/image" Target="../media/image26.png"/><Relationship Id="rId5" Type="http://schemas.openxmlformats.org/officeDocument/2006/relationships/hyperlink" Target="https://cs.au.dk/education/continuing-education/master-i-informatikundervisning/" TargetMode="External"/><Relationship Id="rId4" Type="http://schemas.openxmlformats.org/officeDocument/2006/relationships/hyperlink" Target="https://cs.au.dk/miu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jpeg"/><Relationship Id="rId7" Type="http://schemas.openxmlformats.org/officeDocument/2006/relationships/image" Target="../media/image18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5" Type="http://schemas.openxmlformats.org/officeDocument/2006/relationships/image" Target="../media/image20.emf"/><Relationship Id="rId4" Type="http://schemas.openxmlformats.org/officeDocument/2006/relationships/hyperlink" Target="https://www.retsinformation.dk/eli/retsinfo/2018/9698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5" Type="http://schemas.openxmlformats.org/officeDocument/2006/relationships/image" Target="../media/image22.png"/><Relationship Id="rId4" Type="http://schemas.openxmlformats.org/officeDocument/2006/relationships/hyperlink" Target="https://kursuskatalog.au.dk/da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54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Master i informatikundervis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C80B93C-0CC7-D791-ADCA-4492097255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 wrap="square" anchor="ctr">
            <a:normAutofit/>
          </a:bodyPr>
          <a:lstStyle/>
          <a:p>
            <a:r>
              <a:rPr lang="da-DK" dirty="0"/>
              <a:t>Hvem kan hvad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D83502-C608-5B6B-1622-7DF08D719F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2037" y="3429000"/>
            <a:ext cx="4809703" cy="2528142"/>
          </a:xfrm>
        </p:spPr>
        <p:txBody>
          <a:bodyPr wrap="square" anchor="t">
            <a:normAutofit/>
          </a:bodyPr>
          <a:lstStyle/>
          <a:p>
            <a:pPr marL="252000" lvl="1" indent="0">
              <a:buNone/>
            </a:pPr>
            <a:endParaRPr lang="da-DK" dirty="0"/>
          </a:p>
          <a:p>
            <a:pPr marL="252000" lvl="1" indent="0">
              <a:buNone/>
            </a:pPr>
            <a:r>
              <a:rPr lang="da-DK" sz="1800" dirty="0"/>
              <a:t>Efter-Videreuddannelse (EVU):</a:t>
            </a:r>
          </a:p>
          <a:p>
            <a:pPr lvl="1"/>
            <a:r>
              <a:rPr lang="da-DK" sz="1800" dirty="0"/>
              <a:t>Kan hjælpe med spørgsmål vedrørende adgangskrav, behandling af ansøgning, betaling, afmelding af kursus mv. </a:t>
            </a:r>
          </a:p>
          <a:p>
            <a:pPr lvl="1"/>
            <a:r>
              <a:rPr lang="da-DK" sz="1800" dirty="0"/>
              <a:t> Sidder i en central enhed på AU 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B54B270-C162-3FB8-276C-A2F8DD23C19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867"/>
          <a:stretch/>
        </p:blipFill>
        <p:spPr>
          <a:xfrm>
            <a:off x="5806380" y="3653769"/>
            <a:ext cx="4104456" cy="182545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BAEBAAA-1264-4389-B0B7-983F8431FA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64497D79-0912-4AA4-8853-CEBF2C31A666}" type="datetime1">
              <a:rPr lang="da-DK" smtClean="0"/>
              <a:pPr>
                <a:spcAft>
                  <a:spcPts val="600"/>
                </a:spcAft>
              </a:pPr>
              <a:t>16-05-2024</a:t>
            </a:fld>
            <a:r>
              <a:rPr lang="da-DK"/>
              <a:t>20-01-2021</a:t>
            </a:r>
          </a:p>
        </p:txBody>
      </p:sp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D53B0A08-BF6C-8C09-A328-A5CC54518364}"/>
              </a:ext>
            </a:extLst>
          </p:cNvPr>
          <p:cNvSpPr txBox="1">
            <a:spLocks/>
          </p:cNvSpPr>
          <p:nvPr/>
        </p:nvSpPr>
        <p:spPr bwMode="auto">
          <a:xfrm>
            <a:off x="981844" y="1844824"/>
            <a:ext cx="8712968" cy="17967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800" kern="0" dirty="0"/>
              <a:t>MIU på Datalogi:</a:t>
            </a:r>
          </a:p>
          <a:p>
            <a:pPr lvl="1"/>
            <a:r>
              <a:rPr lang="da-DK" sz="1800" kern="0" dirty="0"/>
              <a:t>Per vejleder omkring uddannelsesforløb, merit, ækvivalensvurderinger mm. </a:t>
            </a:r>
          </a:p>
          <a:p>
            <a:pPr lvl="1"/>
            <a:r>
              <a:rPr lang="da-DK" sz="1800" kern="0" dirty="0"/>
              <a:t>Maja kan hjælpe ift. spørgsmål vedr. det praktiske omkring bl.a. kurser, undervisere, Brightspace.</a:t>
            </a:r>
          </a:p>
          <a:p>
            <a:pPr marL="252000" lvl="1" indent="0">
              <a:buFont typeface="Arial" panose="020B0604020202020204" pitchFamily="34" charset="0"/>
              <a:buNone/>
            </a:pP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283761522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C80B93C-0CC7-D791-ADCA-4492097255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 wrap="square" anchor="ctr">
            <a:normAutofit/>
          </a:bodyPr>
          <a:lstStyle/>
          <a:p>
            <a:r>
              <a:rPr lang="da-DK" dirty="0"/>
              <a:t>Hvem kan hvad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BAEBAAA-1264-4389-B0B7-983F8431FA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64497D79-0912-4AA4-8853-CEBF2C31A666}" type="datetime1">
              <a:rPr lang="da-DK" smtClean="0"/>
              <a:pPr>
                <a:spcAft>
                  <a:spcPts val="600"/>
                </a:spcAft>
              </a:pPr>
              <a:t>16-05-2024</a:t>
            </a:fld>
            <a:r>
              <a:rPr lang="da-DK"/>
              <a:t>20-01-2021</a:t>
            </a:r>
          </a:p>
        </p:txBody>
      </p:sp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D53B0A08-BF6C-8C09-A328-A5CC54518364}"/>
              </a:ext>
            </a:extLst>
          </p:cNvPr>
          <p:cNvSpPr txBox="1">
            <a:spLocks/>
          </p:cNvSpPr>
          <p:nvPr/>
        </p:nvSpPr>
        <p:spPr bwMode="auto">
          <a:xfrm>
            <a:off x="981844" y="1844824"/>
            <a:ext cx="8280920" cy="23042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kern="0" dirty="0" err="1"/>
              <a:t>Masterteam</a:t>
            </a:r>
            <a:r>
              <a:rPr lang="da-DK" kern="0" dirty="0"/>
              <a:t> for Nat-Tech:</a:t>
            </a:r>
          </a:p>
          <a:p>
            <a:pPr lvl="1"/>
            <a:r>
              <a:rPr lang="da-DK" kern="0" dirty="0"/>
              <a:t>Kan bl.a. svare på spørgsmål vedr. eksamen og </a:t>
            </a:r>
            <a:r>
              <a:rPr lang="da-DK" kern="0" dirty="0" err="1"/>
              <a:t>WISEflow</a:t>
            </a:r>
            <a:r>
              <a:rPr lang="da-DK" kern="0" dirty="0"/>
              <a:t>, undervisnings- og eksamenstilmelding</a:t>
            </a:r>
          </a:p>
          <a:p>
            <a:pPr lvl="1"/>
            <a:r>
              <a:rPr lang="da-DK" kern="0" dirty="0"/>
              <a:t>Sidder i en central enhed på AU</a:t>
            </a:r>
          </a:p>
          <a:p>
            <a:pPr lvl="2"/>
            <a:r>
              <a:rPr lang="da-DK" kern="0" dirty="0"/>
              <a:t>Ina van Gaever L. Thers &amp; Andrea Brønniche står primært for spørgsmål vedrørende MIU</a:t>
            </a:r>
          </a:p>
          <a:p>
            <a:pPr marL="252000" lvl="1" indent="0">
              <a:buFont typeface="Arial" panose="020B0604020202020204" pitchFamily="34" charset="0"/>
              <a:buNone/>
            </a:pP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453388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A85A53-89AF-CA5B-9D95-F9B9F19225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IU’s</a:t>
            </a:r>
            <a:r>
              <a:rPr lang="da-DK" dirty="0"/>
              <a:t> hjemmesid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B65B24-F1B0-8C21-9347-D2A9D1E639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1844" y="1988840"/>
            <a:ext cx="2880320" cy="4320480"/>
          </a:xfrm>
        </p:spPr>
        <p:txBody>
          <a:bodyPr/>
          <a:lstStyle/>
          <a:p>
            <a:pPr>
              <a:buNone/>
            </a:pPr>
            <a:r>
              <a:rPr lang="da-DK" sz="1800" dirty="0">
                <a:hlinkClick r:id="rId2"/>
              </a:rPr>
              <a:t>https://cs.au.dk/miu</a:t>
            </a:r>
            <a:r>
              <a:rPr lang="da-DK" sz="1200" dirty="0"/>
              <a:t> 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sz="1800" dirty="0"/>
              <a:t>Her finder I blandt andet information om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Tidspunkter og sted for undervisn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Ansøgningsporta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Studieordn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Faglig kompeten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Tompladsordning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Mer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Kontaktoplysninger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351F6E5-FDC5-7075-1483-75CA362C8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2C8EB0-A28D-4762-8C5E-8834F9CA982A}" type="datetime1">
              <a:rPr lang="da-DK" smtClean="0"/>
              <a:t>16-05-2024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587E349-B5BC-93DF-C0CC-69DABFC462C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06180" y="1476244"/>
            <a:ext cx="5148819" cy="5384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46460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nd Inspiration: </a:t>
            </a:r>
            <a:r>
              <a:rPr lang="da-DK" dirty="0" err="1"/>
              <a:t>GRASPIT.Dk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85BA4CA-71F9-F5AF-9358-9571C134643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0"/>
          <a:stretch/>
        </p:blipFill>
        <p:spPr>
          <a:xfrm>
            <a:off x="1773932" y="1458443"/>
            <a:ext cx="8424936" cy="5388320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4250551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ørgsmål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pPr>
              <a:buNone/>
            </a:pPr>
            <a:r>
              <a:rPr lang="da-DK" dirty="0"/>
              <a:t>Kontakt os på:  </a:t>
            </a:r>
            <a:r>
              <a:rPr lang="da-DK" dirty="0">
                <a:hlinkClick r:id="rId3"/>
              </a:rPr>
              <a:t>miu@cs.au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Læs mere:</a:t>
            </a:r>
          </a:p>
          <a:p>
            <a:endParaRPr lang="da-DK" dirty="0"/>
          </a:p>
          <a:p>
            <a:pPr>
              <a:buNone/>
            </a:pPr>
            <a:r>
              <a:rPr lang="da-DK" sz="2000" dirty="0">
                <a:hlinkClick r:id="rId4"/>
              </a:rPr>
              <a:t>https://cs.au.dk/miu</a:t>
            </a:r>
            <a:r>
              <a:rPr lang="da-DK" sz="1400" dirty="0"/>
              <a:t> </a:t>
            </a:r>
          </a:p>
          <a:p>
            <a:endParaRPr lang="da-DK" dirty="0"/>
          </a:p>
          <a:p>
            <a:r>
              <a:rPr lang="da-DK" dirty="0">
                <a:hlinkClick r:id="rId5"/>
              </a:rPr>
              <a:t>https://cs.au.dk/education/continuing-education/master-i-informatikundervisning/</a:t>
            </a:r>
            <a:r>
              <a:rPr lang="da-DK" dirty="0"/>
              <a:t> </a:t>
            </a:r>
          </a:p>
          <a:p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42DF294-DE11-434C-8043-F658BDE57E8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26460" y="2002930"/>
            <a:ext cx="2302446" cy="23024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9513456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22209-DFED-D746-B24A-0262BF5A5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dministrativ og faglig koordination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371234-9542-BB4B-A0CC-2DFCA2D201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4892549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Maja: Administrativ koordinator</a:t>
            </a:r>
          </a:p>
          <a:p>
            <a:pPr marL="774900" lvl="1" indent="-342900"/>
            <a:r>
              <a:rPr lang="da-DK" sz="1800" dirty="0"/>
              <a:t>Ansat siden april 2023 – forskningsgruppekoordinator og MIU-koordinator</a:t>
            </a:r>
          </a:p>
          <a:p>
            <a:pPr marL="774900" lvl="1" indent="-342900"/>
            <a:r>
              <a:rPr lang="da-DK" sz="1800" dirty="0"/>
              <a:t>Cand.mag. i religionsvidenskab og historie</a:t>
            </a:r>
          </a:p>
          <a:p>
            <a:pPr lvl="1" indent="0">
              <a:buNone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Per: Faglig koordinator og vejleder</a:t>
            </a:r>
          </a:p>
          <a:p>
            <a:pPr marL="774900" lvl="1" indent="-342900"/>
            <a:r>
              <a:rPr lang="da-DK" sz="1800" dirty="0"/>
              <a:t>Ansat siden oktober 2023 – faglig koordination og vejledning</a:t>
            </a:r>
          </a:p>
          <a:p>
            <a:pPr marL="774900" lvl="1" indent="-342900"/>
            <a:r>
              <a:rPr lang="da-DK" sz="1800" dirty="0"/>
              <a:t>Cand.scient. i matematik og datalogi</a:t>
            </a:r>
            <a:endParaRPr lang="da-DK" sz="1800" dirty="0">
              <a:sym typeface="Wingdings" panose="05000000000000000000" pitchFamily="2" charset="2"/>
            </a:endParaRPr>
          </a:p>
          <a:p>
            <a:pPr marL="774900" lvl="1" indent="-342900"/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9813AB-617D-EC42-A251-891C99245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E54F43-C7DD-4842-BBE1-B941253181E2}" type="datetime1">
              <a:rPr lang="da-DK" smtClean="0"/>
              <a:t>16-05-2024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7" name="Billede 6" descr="Et billede, der indeholder Ansigt, person, smil, tøj&#10;&#10;Automatisk genereret beskrivelse">
            <a:extLst>
              <a:ext uri="{FF2B5EF4-FFF2-40B4-BE49-F238E27FC236}">
                <a16:creationId xmlns:a16="http://schemas.microsoft.com/office/drawing/2014/main" id="{4297BC41-0C5F-B3D0-8783-F3122E059DE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0439" y="1960078"/>
            <a:ext cx="1924553" cy="24048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A17116B-40B6-5F8A-7A2F-609380507A2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812875" y="1960077"/>
            <a:ext cx="1926637" cy="24048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03001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formatik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3775BAC0-1733-7E4B-9136-671642EDE0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0076" y="1458443"/>
            <a:ext cx="6275815" cy="4706861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27294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ngel på Undervisere i Informatik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FB3B1AF-34A1-2249-94A2-F120C54493B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2204500"/>
            <a:ext cx="2880320" cy="43737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50D2034-F72D-D449-9920-A83DDD760C6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42684" y="2053543"/>
            <a:ext cx="3269574" cy="69139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D378AA7-2F25-4440-B784-CB13D0D6E4A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4251" y="1844824"/>
            <a:ext cx="2880321" cy="107281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41AB728-6793-9B46-BBDF-86DABF23AD1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828" y="3211047"/>
            <a:ext cx="2736304" cy="73244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70F2AAD-AD4C-0047-9054-50E40F2B54FC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2505" y="3248459"/>
            <a:ext cx="1750419" cy="73244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C05DCFCB-61D3-9344-B85F-6C656ABE0D46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7391" y="3281257"/>
            <a:ext cx="3154040" cy="788510"/>
          </a:xfrm>
          <a:prstGeom prst="rect">
            <a:avLst/>
          </a:prstGeom>
        </p:spPr>
      </p:pic>
      <p:sp>
        <p:nvSpPr>
          <p:cNvPr id="11" name="Right Brace 10">
            <a:extLst>
              <a:ext uri="{FF2B5EF4-FFF2-40B4-BE49-F238E27FC236}">
                <a16:creationId xmlns:a16="http://schemas.microsoft.com/office/drawing/2014/main" id="{5F34A3A1-FC40-9545-AA33-ABF247BA89C9}"/>
              </a:ext>
            </a:extLst>
          </p:cNvPr>
          <p:cNvSpPr/>
          <p:nvPr/>
        </p:nvSpPr>
        <p:spPr bwMode="auto">
          <a:xfrm rot="5400000">
            <a:off x="5700154" y="807900"/>
            <a:ext cx="788511" cy="8102487"/>
          </a:xfrm>
          <a:custGeom>
            <a:avLst/>
            <a:gdLst>
              <a:gd name="connsiteX0" fmla="*/ 0 w 788511"/>
              <a:gd name="connsiteY0" fmla="*/ 0 h 8102487"/>
              <a:gd name="connsiteX1" fmla="*/ 394256 w 788511"/>
              <a:gd name="connsiteY1" fmla="*/ 65707 h 8102487"/>
              <a:gd name="connsiteX2" fmla="*/ 394256 w 788511"/>
              <a:gd name="connsiteY2" fmla="*/ 3985537 h 8102487"/>
              <a:gd name="connsiteX3" fmla="*/ 788512 w 788511"/>
              <a:gd name="connsiteY3" fmla="*/ 4051244 h 8102487"/>
              <a:gd name="connsiteX4" fmla="*/ 394256 w 788511"/>
              <a:gd name="connsiteY4" fmla="*/ 4116951 h 8102487"/>
              <a:gd name="connsiteX5" fmla="*/ 394256 w 788511"/>
              <a:gd name="connsiteY5" fmla="*/ 8036780 h 8102487"/>
              <a:gd name="connsiteX6" fmla="*/ 0 w 788511"/>
              <a:gd name="connsiteY6" fmla="*/ 8102487 h 8102487"/>
              <a:gd name="connsiteX7" fmla="*/ 0 w 788511"/>
              <a:gd name="connsiteY7" fmla="*/ 0 h 8102487"/>
              <a:gd name="connsiteX0" fmla="*/ 0 w 788511"/>
              <a:gd name="connsiteY0" fmla="*/ 0 h 8102487"/>
              <a:gd name="connsiteX1" fmla="*/ 394256 w 788511"/>
              <a:gd name="connsiteY1" fmla="*/ 65707 h 8102487"/>
              <a:gd name="connsiteX2" fmla="*/ 394256 w 788511"/>
              <a:gd name="connsiteY2" fmla="*/ 3985537 h 8102487"/>
              <a:gd name="connsiteX3" fmla="*/ 788512 w 788511"/>
              <a:gd name="connsiteY3" fmla="*/ 4051244 h 8102487"/>
              <a:gd name="connsiteX4" fmla="*/ 394256 w 788511"/>
              <a:gd name="connsiteY4" fmla="*/ 4116951 h 8102487"/>
              <a:gd name="connsiteX5" fmla="*/ 394256 w 788511"/>
              <a:gd name="connsiteY5" fmla="*/ 8036780 h 8102487"/>
              <a:gd name="connsiteX6" fmla="*/ 0 w 788511"/>
              <a:gd name="connsiteY6" fmla="*/ 8102487 h 81024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788511" h="8102487" stroke="0" extrusionOk="0">
                <a:moveTo>
                  <a:pt x="0" y="0"/>
                </a:moveTo>
                <a:cubicBezTo>
                  <a:pt x="217274" y="-1847"/>
                  <a:pt x="391900" y="28740"/>
                  <a:pt x="394256" y="65707"/>
                </a:cubicBezTo>
                <a:cubicBezTo>
                  <a:pt x="536000" y="953401"/>
                  <a:pt x="426850" y="2931651"/>
                  <a:pt x="394256" y="3985537"/>
                </a:cubicBezTo>
                <a:cubicBezTo>
                  <a:pt x="391611" y="4040210"/>
                  <a:pt x="573026" y="4044036"/>
                  <a:pt x="788512" y="4051244"/>
                </a:cubicBezTo>
                <a:cubicBezTo>
                  <a:pt x="567187" y="4050824"/>
                  <a:pt x="392893" y="4079344"/>
                  <a:pt x="394256" y="4116951"/>
                </a:cubicBezTo>
                <a:cubicBezTo>
                  <a:pt x="551045" y="5251483"/>
                  <a:pt x="267581" y="7530532"/>
                  <a:pt x="394256" y="8036780"/>
                </a:cubicBezTo>
                <a:cubicBezTo>
                  <a:pt x="371417" y="8070100"/>
                  <a:pt x="191161" y="8101003"/>
                  <a:pt x="0" y="8102487"/>
                </a:cubicBezTo>
                <a:cubicBezTo>
                  <a:pt x="82410" y="4956971"/>
                  <a:pt x="81327" y="1000838"/>
                  <a:pt x="0" y="0"/>
                </a:cubicBezTo>
                <a:close/>
              </a:path>
              <a:path w="788511" h="8102487" fill="none" extrusionOk="0">
                <a:moveTo>
                  <a:pt x="0" y="0"/>
                </a:moveTo>
                <a:cubicBezTo>
                  <a:pt x="218472" y="-3821"/>
                  <a:pt x="393386" y="29950"/>
                  <a:pt x="394256" y="65707"/>
                </a:cubicBezTo>
                <a:cubicBezTo>
                  <a:pt x="458890" y="974498"/>
                  <a:pt x="319524" y="2526723"/>
                  <a:pt x="394256" y="3985537"/>
                </a:cubicBezTo>
                <a:cubicBezTo>
                  <a:pt x="392140" y="4033760"/>
                  <a:pt x="568828" y="4021721"/>
                  <a:pt x="788512" y="4051244"/>
                </a:cubicBezTo>
                <a:cubicBezTo>
                  <a:pt x="574177" y="4047428"/>
                  <a:pt x="390567" y="4083734"/>
                  <a:pt x="394256" y="4116951"/>
                </a:cubicBezTo>
                <a:cubicBezTo>
                  <a:pt x="518000" y="5402132"/>
                  <a:pt x="385867" y="6813361"/>
                  <a:pt x="394256" y="8036780"/>
                </a:cubicBezTo>
                <a:cubicBezTo>
                  <a:pt x="386249" y="8061489"/>
                  <a:pt x="243987" y="8092550"/>
                  <a:pt x="0" y="8102487"/>
                </a:cubicBezTo>
              </a:path>
            </a:pathLst>
          </a:custGeom>
          <a:ln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79616C7-C940-F447-80B5-F73AB8B25A5F}"/>
              </a:ext>
            </a:extLst>
          </p:cNvPr>
          <p:cNvSpPr txBox="1"/>
          <p:nvPr/>
        </p:nvSpPr>
        <p:spPr>
          <a:xfrm>
            <a:off x="4870276" y="5737384"/>
            <a:ext cx="302433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aster </a:t>
            </a:r>
            <a:r>
              <a:rPr lang="en-GB" sz="1600" dirty="0">
                <a:latin typeface="+mn-lt"/>
              </a:rPr>
              <a:t>i </a:t>
            </a:r>
            <a:r>
              <a:rPr lang="en-GB" sz="1600" dirty="0" err="1">
                <a:latin typeface="+mn-lt"/>
              </a:rPr>
              <a:t>Informatikundervisning</a:t>
            </a:r>
            <a:r>
              <a:rPr lang="en-GB" sz="1600" dirty="0">
                <a:latin typeface="+mn-lt"/>
              </a:rPr>
              <a:t> </a:t>
            </a:r>
            <a:br>
              <a:rPr lang="en-GB" sz="1600" dirty="0">
                <a:latin typeface="+mn-lt"/>
              </a:rPr>
            </a:br>
            <a:r>
              <a:rPr lang="en-GB" sz="1200" dirty="0">
                <a:latin typeface="+mn-lt"/>
              </a:rPr>
              <a:t>(</a:t>
            </a:r>
            <a:r>
              <a:rPr lang="en-GB" sz="1200" dirty="0" err="1">
                <a:latin typeface="+mn-lt"/>
              </a:rPr>
              <a:t>opstart</a:t>
            </a:r>
            <a:r>
              <a:rPr lang="en-GB" sz="1200" dirty="0">
                <a:latin typeface="+mn-lt"/>
              </a:rPr>
              <a:t> 2020)</a:t>
            </a: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64392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ADEA56-92DA-5B95-6564-5C5FEE9E38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urser på MIU (2024-25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3B02A82-F201-48C5-8863-F433342348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40" y="1916832"/>
            <a:ext cx="5108573" cy="4248472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AU</a:t>
            </a:r>
          </a:p>
          <a:p>
            <a:pPr marL="774900" lvl="1" indent="-342900"/>
            <a:r>
              <a:rPr lang="da-DK" sz="1600" dirty="0"/>
              <a:t>Introduktion til Programmering</a:t>
            </a:r>
          </a:p>
          <a:p>
            <a:pPr marL="774900" lvl="1" indent="-342900"/>
            <a:r>
              <a:rPr lang="da-DK" sz="1600" dirty="0"/>
              <a:t>Interaktionsdesign og – teknologier </a:t>
            </a:r>
          </a:p>
          <a:p>
            <a:pPr marL="774900" lvl="1" indent="-342900"/>
            <a:r>
              <a:rPr lang="da-DK" sz="1600" dirty="0"/>
              <a:t>Algoritmer og datastrukturer</a:t>
            </a:r>
          </a:p>
          <a:p>
            <a:pPr marL="774900" lvl="1" indent="-342900"/>
            <a:r>
              <a:rPr lang="da-DK" sz="1600" dirty="0"/>
              <a:t>Informatikkens etik og videnskabsteori </a:t>
            </a:r>
            <a:r>
              <a:rPr lang="da-DK" sz="1400" dirty="0"/>
              <a:t>(valgfag)</a:t>
            </a: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AAU:</a:t>
            </a:r>
          </a:p>
          <a:p>
            <a:pPr marL="774900" lvl="1" indent="-342900"/>
            <a:r>
              <a:rPr lang="da-DK" sz="1600" dirty="0"/>
              <a:t>Databaser og begrebsmodeller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RUC:</a:t>
            </a:r>
          </a:p>
          <a:p>
            <a:pPr marL="774900" lvl="1" indent="-342900"/>
            <a:r>
              <a:rPr lang="da-DK" sz="1600" dirty="0"/>
              <a:t>Advanced User </a:t>
            </a:r>
            <a:r>
              <a:rPr lang="da-DK" sz="1600" dirty="0" err="1"/>
              <a:t>Experience</a:t>
            </a:r>
            <a:r>
              <a:rPr lang="da-DK" sz="1600" dirty="0"/>
              <a:t> </a:t>
            </a:r>
            <a:r>
              <a:rPr lang="da-DK" sz="1400" dirty="0"/>
              <a:t>(valgfag)</a:t>
            </a:r>
          </a:p>
          <a:p>
            <a:pPr marL="774900" lvl="1" indent="-342900"/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4C9B03C-B507-A307-D200-048ED0669D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2088C6-19D0-4FB5-AC88-ABD3FB5A7BBD}" type="datetime1">
              <a:rPr lang="da-DK" smtClean="0"/>
              <a:t>16-05-2024</a:t>
            </a:fld>
            <a:r>
              <a:rPr lang="da-DK"/>
              <a:t>20-01-2021</a:t>
            </a:r>
            <a:endParaRPr lang="da-DK" dirty="0"/>
          </a:p>
        </p:txBody>
      </p:sp>
      <p:sp>
        <p:nvSpPr>
          <p:cNvPr id="5" name="Pladsholder til indhold 2">
            <a:extLst>
              <a:ext uri="{FF2B5EF4-FFF2-40B4-BE49-F238E27FC236}">
                <a16:creationId xmlns:a16="http://schemas.microsoft.com/office/drawing/2014/main" id="{8E69D5BF-D5ED-D3E0-DBC0-48CF6483BFF4}"/>
              </a:ext>
            </a:extLst>
          </p:cNvPr>
          <p:cNvSpPr txBox="1">
            <a:spLocks/>
          </p:cNvSpPr>
          <p:nvPr/>
        </p:nvSpPr>
        <p:spPr bwMode="auto">
          <a:xfrm>
            <a:off x="6104607" y="1916832"/>
            <a:ext cx="5606429" cy="42484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kern="0" dirty="0"/>
              <a:t>SDU:</a:t>
            </a:r>
          </a:p>
          <a:p>
            <a:pPr marL="774900" lvl="1" indent="-342900"/>
            <a:r>
              <a:rPr lang="da-DK" sz="1600" kern="0" dirty="0"/>
              <a:t>Digital design og designprocesser</a:t>
            </a:r>
          </a:p>
          <a:p>
            <a:pPr marL="774900" lvl="1" indent="-342900"/>
            <a:r>
              <a:rPr lang="da-DK" sz="1600" kern="0" dirty="0"/>
              <a:t>Systemarkitektur og IT-sikkerhed</a:t>
            </a:r>
          </a:p>
          <a:p>
            <a:pPr marL="774900" lvl="1" indent="-342900"/>
            <a:r>
              <a:rPr lang="da-DK" sz="1600" kern="0" dirty="0"/>
              <a:t>Design og læring med fysisk </a:t>
            </a:r>
            <a:r>
              <a:rPr lang="da-DK" sz="1600" kern="0" dirty="0" err="1"/>
              <a:t>computing</a:t>
            </a:r>
            <a:r>
              <a:rPr lang="da-DK" sz="1600" kern="0" dirty="0"/>
              <a:t> </a:t>
            </a:r>
            <a:r>
              <a:rPr lang="da-DK" sz="1400" kern="0" dirty="0"/>
              <a:t>(valgfag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kern="0" dirty="0"/>
              <a:t>KU: </a:t>
            </a:r>
          </a:p>
          <a:p>
            <a:pPr marL="774900" lvl="1" indent="-342900"/>
            <a:r>
              <a:rPr lang="da-DK" sz="1600" kern="0" dirty="0"/>
              <a:t>Dataanalyse og Machine Learning</a:t>
            </a:r>
          </a:p>
          <a:p>
            <a:pPr marL="774900" lvl="1" indent="-342900"/>
            <a:endParaRPr lang="da-DK" kern="0" dirty="0"/>
          </a:p>
          <a:p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42375029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ster i informatikundervisning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9" y="1960079"/>
            <a:ext cx="734082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>
                <a:hlinkClick r:id="rId4"/>
              </a:rPr>
              <a:t>De faglige mindstekrav</a:t>
            </a:r>
            <a:r>
              <a:rPr lang="da-DK" sz="1600" kern="0" dirty="0"/>
              <a:t> (90 eller 120 ECT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3-6 å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I sammenstykker sel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Alle kurser kan søges og læses</a:t>
            </a:r>
            <a:br>
              <a:rPr lang="da-DK" sz="1600" kern="0" dirty="0"/>
            </a:br>
            <a:r>
              <a:rPr lang="da-DK" sz="1600" kern="0" dirty="0"/>
              <a:t>enkeltv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Introduktion til programmering = obligatori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Masterprojekt er afsluttende (men frivilligt)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AB26D35-8C7B-F345-9AD4-F701B3E81E05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621" r="2676" b="24490"/>
          <a:stretch/>
        </p:blipFill>
        <p:spPr>
          <a:xfrm>
            <a:off x="4532091" y="1628800"/>
            <a:ext cx="7340822" cy="3937485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DFB3EDEA-356B-3D49-91DC-F63A08F9B3F3}"/>
              </a:ext>
            </a:extLst>
          </p:cNvPr>
          <p:cNvSpPr/>
          <p:nvPr/>
        </p:nvSpPr>
        <p:spPr bwMode="auto">
          <a:xfrm>
            <a:off x="5950396" y="1844824"/>
            <a:ext cx="2965989" cy="1258982"/>
          </a:xfrm>
          <a:prstGeom prst="ellipse">
            <a:avLst/>
          </a:prstGeom>
          <a:noFill/>
          <a:ln w="349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aglig kompetence i informatik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8" y="1960079"/>
            <a:ext cx="9789094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2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Hvis du har en naturvidenskabelig baggrund:</a:t>
            </a:r>
          </a:p>
          <a:p>
            <a:pPr marL="717750" lvl="1" indent="-285750"/>
            <a:r>
              <a:rPr lang="da-DK" sz="1600" b="1" kern="0" dirty="0"/>
              <a:t>90 ECTS samlet, bestående af:</a:t>
            </a:r>
            <a:br>
              <a:rPr lang="da-DK" sz="1600" kern="0" dirty="0"/>
            </a:br>
            <a:r>
              <a:rPr lang="da-DK" sz="1600" kern="0" dirty="0"/>
              <a:t>60 kernestof </a:t>
            </a:r>
            <a:br>
              <a:rPr lang="da-DK" sz="1600" kern="0" dirty="0"/>
            </a:br>
            <a:r>
              <a:rPr lang="da-DK" sz="1600" kern="0" dirty="0"/>
              <a:t>+ 10-30 ECTS bredde </a:t>
            </a:r>
            <a:br>
              <a:rPr lang="da-DK" sz="1600" kern="0" dirty="0"/>
            </a:br>
            <a:r>
              <a:rPr lang="da-DK" sz="1600" kern="0" dirty="0"/>
              <a:t>+ 10-30 ECTS dybdestof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KRAV: ‘</a:t>
            </a:r>
            <a:r>
              <a:rPr lang="da-DK" sz="1600" i="1" kern="0" dirty="0"/>
              <a:t>Videnskabsteori for informatik’ </a:t>
            </a:r>
            <a:r>
              <a:rPr lang="da-DK" sz="1600" kern="0" dirty="0"/>
              <a:t>og </a:t>
            </a:r>
            <a:r>
              <a:rPr lang="da-DK" sz="1600" i="1" kern="0" dirty="0"/>
              <a:t>‘Informatikkens fagdidaktik’</a:t>
            </a:r>
          </a:p>
          <a:p>
            <a:pPr marL="717750" lvl="1" indent="-285750"/>
            <a:r>
              <a:rPr lang="da-DK" sz="1600" kern="0" dirty="0"/>
              <a:t>Valgfag i ‘Videnskabsteori for informatik’</a:t>
            </a:r>
          </a:p>
          <a:p>
            <a:pPr marL="717750" lvl="1" indent="-285750"/>
            <a:r>
              <a:rPr lang="da-DK" sz="1600" kern="0" dirty="0"/>
              <a:t>Informatikkens fagdidaktik: Er ikke et MIU-kursus, men udbydes på AU som </a:t>
            </a:r>
            <a:r>
              <a:rPr lang="da-DK" sz="1600" b="1" kern="0" dirty="0"/>
              <a:t>tompladsfa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Hvis ikke du har en naturvidenskabelig baggrund:</a:t>
            </a:r>
          </a:p>
          <a:p>
            <a:pPr marL="717750" lvl="1" indent="-285750"/>
            <a:r>
              <a:rPr lang="da-DK" sz="1600" kern="0" dirty="0"/>
              <a:t>Op til </a:t>
            </a:r>
            <a:r>
              <a:rPr lang="da-DK" sz="1600" b="1" kern="0" dirty="0"/>
              <a:t>30 ekstra ECTS</a:t>
            </a:r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1EA6B27-FD3D-A271-C73B-C571E69318EC}"/>
              </a:ext>
            </a:extLst>
          </p:cNvPr>
          <p:cNvSpPr txBox="1"/>
          <p:nvPr/>
        </p:nvSpPr>
        <p:spPr>
          <a:xfrm>
            <a:off x="4129088" y="1843088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6264626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urser i efteråret 2024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teraktionsdesign og – teknologier (5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lgoritmer og datastrukturer (5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baser og begrebsmodellering (5 ECTS) på A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algfag: Advanced User </a:t>
            </a:r>
            <a:r>
              <a:rPr lang="da-DK" dirty="0" err="1"/>
              <a:t>Experience</a:t>
            </a:r>
            <a:r>
              <a:rPr lang="da-DK" dirty="0"/>
              <a:t> (5 ECTS) på RUC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774900" lvl="1" indent="-342900"/>
            <a:r>
              <a:rPr lang="da-DK" dirty="0"/>
              <a:t>Deadline for ansøgning til kurserne er forlænget til </a:t>
            </a:r>
            <a:r>
              <a:rPr lang="da-DK" b="1" dirty="0"/>
              <a:t>1.august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5B5E2E4-C0B0-3149-A6BF-F6FC9CA3404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18" t="13512" r="15120" b="15127"/>
          <a:stretch/>
        </p:blipFill>
        <p:spPr>
          <a:xfrm>
            <a:off x="7750596" y="518423"/>
            <a:ext cx="3305274" cy="34103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401069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ende kurser 2025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dirty="0"/>
              <a:t>Forå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ystemarkitektur og it-sikkerhed (5 ECTS) på SDU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igital Design og designprocesser (5 ECTS) på SD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analyse og </a:t>
            </a:r>
            <a:r>
              <a:rPr lang="da-DK" dirty="0" err="1"/>
              <a:t>machine</a:t>
            </a:r>
            <a:r>
              <a:rPr lang="da-DK" dirty="0"/>
              <a:t> learning (5 ECTS) på K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algfag: Informatikkens etik og videnskabsteori (5 ECTS) på AU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fterår 2025: </a:t>
            </a:r>
          </a:p>
          <a:p>
            <a:pPr marL="774900" lvl="1" indent="-342900"/>
            <a:r>
              <a:rPr lang="da-DK" dirty="0"/>
              <a:t>Samme kurser (undtagen valgfag) som efterår 2024</a:t>
            </a:r>
          </a:p>
          <a:p>
            <a:pPr lvl="1" indent="0"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eskrivelser findes i kursuskataloget: </a:t>
            </a:r>
            <a:r>
              <a:rPr lang="da-DK" dirty="0">
                <a:hlinkClick r:id="rId4"/>
              </a:rPr>
              <a:t>https://kursuskatalog.au.dk/da</a:t>
            </a:r>
            <a:r>
              <a:rPr lang="da-DK" dirty="0"/>
              <a:t> </a:t>
            </a:r>
          </a:p>
          <a:p>
            <a:pPr marL="774900" lvl="1" indent="-342900"/>
            <a:r>
              <a:rPr lang="da-DK" dirty="0"/>
              <a:t>‘Masteruddannelsen i </a:t>
            </a:r>
            <a:r>
              <a:rPr lang="da-DK" dirty="0" err="1"/>
              <a:t>informatikundervisning</a:t>
            </a:r>
            <a:r>
              <a:rPr lang="da-DK" dirty="0"/>
              <a:t>’ + år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313B0AA-5A69-764A-AE03-4A8E1851DB9B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00" t="40551" r="3800" b="6689"/>
          <a:stretch/>
        </p:blipFill>
        <p:spPr>
          <a:xfrm>
            <a:off x="8697982" y="332656"/>
            <a:ext cx="2505005" cy="29969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895379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93</Words>
  <Application>Microsoft Office PowerPoint</Application>
  <PresentationFormat>Brugerdefineret</PresentationFormat>
  <Paragraphs>122</Paragraphs>
  <Slides>15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3" baseType="lpstr">
      <vt:lpstr>Wingdings</vt:lpstr>
      <vt:lpstr>Georgia</vt:lpstr>
      <vt:lpstr>AU Peto</vt:lpstr>
      <vt:lpstr>AU Passata Light</vt:lpstr>
      <vt:lpstr>Arial</vt:lpstr>
      <vt:lpstr>Calibri</vt:lpstr>
      <vt:lpstr>AU Passata</vt:lpstr>
      <vt:lpstr>AU 16:9</vt:lpstr>
      <vt:lpstr>Master i informatikundervisning</vt:lpstr>
      <vt:lpstr>Administrativ og faglig koordination</vt:lpstr>
      <vt:lpstr>Informatik</vt:lpstr>
      <vt:lpstr>Mangel på Undervisere i Informatik</vt:lpstr>
      <vt:lpstr>Kurser på MIU (2024-25)</vt:lpstr>
      <vt:lpstr>Master i informatikundervisning</vt:lpstr>
      <vt:lpstr>Faglig kompetence i informatik</vt:lpstr>
      <vt:lpstr>Kurser i efteråret 2024</vt:lpstr>
      <vt:lpstr>kommende kurser 2025</vt:lpstr>
      <vt:lpstr>Hvem kan hvad?</vt:lpstr>
      <vt:lpstr>Hvem kan hvad?</vt:lpstr>
      <vt:lpstr>MIU’s hjemmeside</vt:lpstr>
      <vt:lpstr>Find Inspiration: GRASPIT.Dk</vt:lpstr>
      <vt:lpstr>Spørgsmål?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5-16T12:01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8944916257537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